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0_485_21 M 289_22 M 331_22 M 215,220,248_23 Monitory\02. Príprava\05.02 PTK 52024\01. Odoslanie PTK\"/>
    </mc:Choice>
  </mc:AlternateContent>
  <bookViews>
    <workbookView xWindow="0" yWindow="0" windowWidth="14295" windowHeight="14160"/>
  </bookViews>
  <sheets>
    <sheet name="Časť č. 1 - Príloha č. 1" sheetId="9" r:id="rId1"/>
    <sheet name="Časť č. 2 - Príloha č. 1" sheetId="10" r:id="rId2"/>
  </sheets>
  <definedNames>
    <definedName name="_xlnm.Print_Area" localSheetId="0">'Časť č. 1 - Príloha č. 1'!$A$1:$Q$42</definedName>
    <definedName name="_xlnm.Print_Area" localSheetId="1">'Časť č. 2 - Príloha č. 1'!$A$1:$Q$4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30" i="9" l="1"/>
  <c r="O9" i="9" l="1"/>
  <c r="I30" i="9" s="1"/>
  <c r="M9" i="9"/>
  <c r="N9" i="9" s="1"/>
  <c r="P9" i="9" l="1"/>
  <c r="J30" i="9" s="1"/>
  <c r="H30" i="9"/>
  <c r="G29" i="10"/>
  <c r="G28" i="10"/>
  <c r="O18" i="10"/>
  <c r="I29" i="10" s="1"/>
  <c r="M18" i="10"/>
  <c r="N18" i="10" s="1"/>
  <c r="O8" i="10"/>
  <c r="I28" i="10" s="1"/>
  <c r="M8" i="10"/>
  <c r="N8" i="10" s="1"/>
  <c r="G31" i="9"/>
  <c r="M8" i="9"/>
  <c r="N8" i="9" s="1"/>
  <c r="P8" i="9" s="1"/>
  <c r="P10" i="9" s="1"/>
  <c r="O8" i="9"/>
  <c r="O10" i="9" s="1"/>
  <c r="P18" i="10" l="1"/>
  <c r="J29" i="10" s="1"/>
  <c r="H29" i="10"/>
  <c r="P8" i="10"/>
  <c r="J28" i="10" s="1"/>
  <c r="H28" i="10"/>
  <c r="I30" i="10"/>
  <c r="J30" i="10" l="1"/>
  <c r="O20" i="9"/>
  <c r="I31" i="9" s="1"/>
  <c r="M20" i="9"/>
  <c r="N20" i="9" s="1"/>
  <c r="P20" i="9" l="1"/>
  <c r="J31" i="9" s="1"/>
  <c r="H31" i="9"/>
  <c r="G29" i="9"/>
  <c r="I29" i="9"/>
  <c r="J29" i="9"/>
  <c r="H29" i="9"/>
  <c r="J32" i="9" l="1"/>
  <c r="I32" i="9"/>
</calcChain>
</file>

<file path=xl/sharedStrings.xml><?xml version="1.0" encoding="utf-8"?>
<sst xmlns="http://schemas.openxmlformats.org/spreadsheetml/2006/main" count="174" uniqueCount="56">
  <si>
    <t>ks</t>
  </si>
  <si>
    <t>Názov položky predmetu zákazky</t>
  </si>
  <si>
    <t>1.</t>
  </si>
  <si>
    <t>V:</t>
  </si>
  <si>
    <t>podpis:</t>
  </si>
  <si>
    <t>Dňa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Termín dodania prístroja</t>
  </si>
  <si>
    <t>Záručná doba prístroja</t>
  </si>
  <si>
    <t>mesiacov</t>
  </si>
  <si>
    <t>Cena servisnej hodiny na mimozáručný servis počas záručnej doby</t>
  </si>
  <si>
    <t>na hodinu</t>
  </si>
  <si>
    <t>pracovných dní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Modulárny monitor vitálnych funkcií, vrátane základného modulu pre monitorovanie EKG, SpO2, TT, NIBP, 2xIBP, teplota</t>
  </si>
  <si>
    <t>Položka č.1 - Modulárny monitor vitálnych funkcií, vrátane základného modulu pre monitorovanie EKG, SpO2, TT, NIBP, 2xIBP, teplota</t>
  </si>
  <si>
    <t>meno a priezvisko:</t>
  </si>
  <si>
    <t>2.</t>
  </si>
  <si>
    <t>3.</t>
  </si>
  <si>
    <t>SPOLU:</t>
  </si>
  <si>
    <t>Poznámka:</t>
  </si>
  <si>
    <t>- povinné údaje vyplní uchádzač</t>
  </si>
  <si>
    <t>Centrálna monitorovacia stanica</t>
  </si>
  <si>
    <t>IČO:</t>
  </si>
  <si>
    <t>Transportný zásuvný modul monitora vitálnych funkcií s obrazovkou, vrátane základného modulu pre monitorovanie EKG, SpO2, NTK, ITK, teplota</t>
  </si>
  <si>
    <t>Obchodný názov uchádzača:</t>
  </si>
  <si>
    <t>Sídlo uchádzača:</t>
  </si>
  <si>
    <t>Položka č.2 - Transportný zásuvný modul monitora vitálnych funkcií s obrazovkou, vrátane základného modulu pre monitorovanie EKG, SpO2, NTK, ITK, teplota</t>
  </si>
  <si>
    <t>časť č. 2 - Monitory pre I. KK - Arytmologické odd.</t>
  </si>
  <si>
    <t xml:space="preserve">časť 1. - Monitory a monitorovacia centrála pre KCCH </t>
  </si>
  <si>
    <t>Spolu za položku č. 1</t>
  </si>
  <si>
    <t>Položka č.2 - Centrálna monitorovacia stanica</t>
  </si>
  <si>
    <r>
      <t>Hemodynamický pacientský monitor -</t>
    </r>
    <r>
      <rPr>
        <b/>
        <i/>
        <sz val="10"/>
        <rFont val="Arial"/>
        <family val="2"/>
        <charset val="238"/>
      </rPr>
      <t xml:space="preserve"> na stojan</t>
    </r>
  </si>
  <si>
    <r>
      <t>Hemodynamický pacientský monitor -</t>
    </r>
    <r>
      <rPr>
        <i/>
        <sz val="10"/>
        <rFont val="Arial"/>
        <family val="2"/>
        <charset val="238"/>
      </rPr>
      <t xml:space="preserve"> </t>
    </r>
    <r>
      <rPr>
        <b/>
        <i/>
        <sz val="10"/>
        <rFont val="Arial"/>
        <family val="2"/>
        <charset val="238"/>
      </rPr>
      <t>na pevno</t>
    </r>
  </si>
  <si>
    <r>
      <t xml:space="preserve">Hemodynamický pacientský monitor - </t>
    </r>
    <r>
      <rPr>
        <i/>
        <sz val="10"/>
        <rFont val="Arial"/>
        <family val="2"/>
        <charset val="238"/>
      </rPr>
      <t>na stojan</t>
    </r>
  </si>
  <si>
    <r>
      <t xml:space="preserve">Hemodynamický pacientský monitor - </t>
    </r>
    <r>
      <rPr>
        <i/>
        <sz val="10"/>
        <rFont val="Arial"/>
        <family val="2"/>
        <charset val="238"/>
      </rPr>
      <t>na pevno</t>
    </r>
  </si>
  <si>
    <t>Monitory a monitorovacia centrála</t>
  </si>
  <si>
    <t>Položka č.1 - Hemodynamický pacientský monito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i/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trike/>
      <sz val="10"/>
      <color theme="1"/>
      <name val="Arial"/>
      <family val="2"/>
      <charset val="238"/>
    </font>
    <font>
      <b/>
      <sz val="10"/>
      <color theme="8" tint="-0.249977111117893"/>
      <name val="Arial"/>
      <family val="2"/>
      <charset val="238"/>
    </font>
    <font>
      <b/>
      <i/>
      <sz val="10"/>
      <name val="Arial"/>
      <family val="2"/>
      <charset val="238"/>
    </font>
    <font>
      <i/>
      <sz val="1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39997558519241921"/>
        <bgColor indexed="64"/>
      </patternFill>
    </fill>
  </fills>
  <borders count="91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medium">
        <color auto="1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/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/>
      <right style="thin">
        <color indexed="64"/>
      </right>
      <top/>
      <bottom style="medium">
        <color auto="1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rgb="FFC00000"/>
      </left>
      <right/>
      <top style="thin">
        <color rgb="FFC00000"/>
      </top>
      <bottom/>
      <diagonal/>
    </border>
    <border>
      <left/>
      <right style="thin">
        <color rgb="FFC00000"/>
      </right>
      <top style="thin">
        <color rgb="FFC00000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dotted">
        <color indexed="64"/>
      </bottom>
      <diagonal/>
    </border>
    <border>
      <left/>
      <right style="thin">
        <color indexed="64"/>
      </right>
      <top style="medium">
        <color auto="1"/>
      </top>
      <bottom style="dotted">
        <color indexed="64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dotted">
        <color indexed="64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dotted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indexed="64"/>
      </right>
      <top style="dotted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/>
      <diagonal/>
    </border>
    <border>
      <left style="thin">
        <color indexed="64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indexed="64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dotted">
        <color indexed="64"/>
      </bottom>
      <diagonal/>
    </border>
    <border>
      <left style="dotted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85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7" xfId="0" applyFont="1" applyFill="1" applyBorder="1" applyAlignment="1">
      <alignment horizontal="center" vertical="top" wrapText="1"/>
    </xf>
    <xf numFmtId="0" fontId="2" fillId="0" borderId="20" xfId="0" applyFont="1" applyBorder="1" applyAlignment="1">
      <alignment horizontal="center" vertical="center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Border="1" applyAlignment="1">
      <alignment vertical="center"/>
    </xf>
    <xf numFmtId="0" fontId="2" fillId="0" borderId="23" xfId="0" applyFont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13" xfId="0" applyFont="1" applyFill="1" applyBorder="1" applyAlignment="1">
      <alignment horizontal="left" vertical="top" wrapText="1"/>
    </xf>
    <xf numFmtId="0" fontId="7" fillId="2" borderId="15" xfId="0" applyFont="1" applyFill="1" applyBorder="1" applyAlignment="1">
      <alignment horizontal="center" vertical="top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3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164" fontId="7" fillId="2" borderId="15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29" xfId="0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9" fontId="2" fillId="0" borderId="31" xfId="0" applyNumberFormat="1" applyFont="1" applyBorder="1" applyAlignment="1">
      <alignment horizontal="center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165" fontId="2" fillId="0" borderId="32" xfId="0" applyNumberFormat="1" applyFont="1" applyBorder="1" applyAlignment="1">
      <alignment horizontal="right" vertical="center" wrapText="1"/>
    </xf>
    <xf numFmtId="165" fontId="2" fillId="0" borderId="33" xfId="0" applyNumberFormat="1" applyFont="1" applyBorder="1" applyAlignment="1">
      <alignment horizontal="right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3" fontId="4" fillId="0" borderId="21" xfId="0" applyNumberFormat="1" applyFont="1" applyFill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 wrapText="1"/>
    </xf>
    <xf numFmtId="0" fontId="2" fillId="0" borderId="0" xfId="0" applyFont="1" applyBorder="1" applyAlignment="1">
      <alignment vertical="center"/>
    </xf>
    <xf numFmtId="0" fontId="2" fillId="0" borderId="12" xfId="0" applyFont="1" applyBorder="1" applyAlignment="1">
      <alignment horizontal="center" vertical="center" wrapText="1"/>
    </xf>
    <xf numFmtId="9" fontId="2" fillId="0" borderId="29" xfId="0" applyNumberFormat="1" applyFont="1" applyBorder="1" applyAlignment="1">
      <alignment horizontal="center" vertical="center" wrapText="1"/>
    </xf>
    <xf numFmtId="164" fontId="2" fillId="0" borderId="38" xfId="0" applyNumberFormat="1" applyFont="1" applyBorder="1" applyAlignment="1">
      <alignment horizontal="center" vertical="center" wrapText="1"/>
    </xf>
    <xf numFmtId="0" fontId="2" fillId="0" borderId="39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0" fontId="2" fillId="0" borderId="46" xfId="0" applyFont="1" applyBorder="1" applyAlignment="1">
      <alignment horizontal="center" vertical="center" wrapText="1"/>
    </xf>
    <xf numFmtId="165" fontId="2" fillId="0" borderId="46" xfId="0" applyNumberFormat="1" applyFont="1" applyBorder="1" applyAlignment="1">
      <alignment horizontal="right" vertical="center" wrapText="1"/>
    </xf>
    <xf numFmtId="165" fontId="2" fillId="0" borderId="47" xfId="0" applyNumberFormat="1" applyFont="1" applyBorder="1" applyAlignment="1">
      <alignment horizontal="right" vertical="center" wrapText="1"/>
    </xf>
    <xf numFmtId="0" fontId="8" fillId="0" borderId="19" xfId="0" applyFont="1" applyBorder="1" applyAlignment="1">
      <alignment horizontal="center" vertical="center" wrapText="1"/>
    </xf>
    <xf numFmtId="0" fontId="2" fillId="0" borderId="48" xfId="0" applyFont="1" applyBorder="1" applyAlignment="1">
      <alignment horizontal="center" vertical="center" wrapText="1"/>
    </xf>
    <xf numFmtId="165" fontId="2" fillId="0" borderId="48" xfId="0" applyNumberFormat="1" applyFont="1" applyBorder="1" applyAlignment="1">
      <alignment horizontal="right" vertical="center" wrapText="1"/>
    </xf>
    <xf numFmtId="165" fontId="2" fillId="0" borderId="49" xfId="0" applyNumberFormat="1" applyFont="1" applyBorder="1" applyAlignment="1">
      <alignment horizontal="right" vertical="center" wrapText="1"/>
    </xf>
    <xf numFmtId="0" fontId="8" fillId="0" borderId="0" xfId="0" applyFont="1" applyBorder="1" applyAlignment="1">
      <alignment horizontal="center" vertical="center" wrapText="1"/>
    </xf>
    <xf numFmtId="0" fontId="8" fillId="0" borderId="50" xfId="0" applyFont="1" applyBorder="1" applyAlignment="1">
      <alignment horizontal="center" vertical="center" wrapText="1"/>
    </xf>
    <xf numFmtId="0" fontId="8" fillId="0" borderId="45" xfId="0" applyFont="1" applyBorder="1" applyAlignment="1">
      <alignment horizontal="center" vertical="center" wrapText="1"/>
    </xf>
    <xf numFmtId="165" fontId="3" fillId="0" borderId="60" xfId="0" applyNumberFormat="1" applyFont="1" applyBorder="1" applyAlignment="1">
      <alignment horizontal="right" vertical="center" wrapText="1"/>
    </xf>
    <xf numFmtId="165" fontId="2" fillId="4" borderId="61" xfId="0" applyNumberFormat="1" applyFont="1" applyFill="1" applyBorder="1" applyAlignment="1">
      <alignment horizontal="right" vertical="center" wrapText="1"/>
    </xf>
    <xf numFmtId="165" fontId="3" fillId="4" borderId="62" xfId="0" applyNumberFormat="1" applyFont="1" applyFill="1" applyBorder="1" applyAlignment="1">
      <alignment horizontal="right" vertical="center" wrapText="1"/>
    </xf>
    <xf numFmtId="165" fontId="2" fillId="0" borderId="51" xfId="0" applyNumberFormat="1" applyFont="1" applyBorder="1" applyAlignment="1">
      <alignment vertical="center" wrapText="1"/>
    </xf>
    <xf numFmtId="165" fontId="2" fillId="0" borderId="52" xfId="0" applyNumberFormat="1" applyFont="1" applyBorder="1" applyAlignment="1">
      <alignment vertical="center" wrapText="1"/>
    </xf>
    <xf numFmtId="165" fontId="2" fillId="0" borderId="6" xfId="0" applyNumberFormat="1" applyFont="1" applyBorder="1" applyAlignment="1">
      <alignment horizontal="right" vertical="center" wrapText="1"/>
    </xf>
    <xf numFmtId="0" fontId="8" fillId="0" borderId="63" xfId="0" applyFont="1" applyBorder="1" applyAlignment="1">
      <alignment horizontal="center" vertical="center" wrapText="1"/>
    </xf>
    <xf numFmtId="0" fontId="2" fillId="0" borderId="64" xfId="0" applyFont="1" applyBorder="1" applyAlignment="1">
      <alignment horizontal="center" vertical="center" wrapText="1"/>
    </xf>
    <xf numFmtId="3" fontId="4" fillId="0" borderId="65" xfId="0" applyNumberFormat="1" applyFont="1" applyFill="1" applyBorder="1" applyAlignment="1">
      <alignment horizontal="center" vertical="center" wrapText="1"/>
    </xf>
    <xf numFmtId="0" fontId="7" fillId="2" borderId="55" xfId="0" applyFont="1" applyFill="1" applyBorder="1" applyAlignment="1">
      <alignment horizontal="center" vertical="top" wrapText="1"/>
    </xf>
    <xf numFmtId="0" fontId="7" fillId="2" borderId="54" xfId="0" applyFont="1" applyFill="1" applyBorder="1" applyAlignment="1">
      <alignment horizontal="center" vertical="top" wrapText="1"/>
    </xf>
    <xf numFmtId="165" fontId="2" fillId="0" borderId="66" xfId="0" applyNumberFormat="1" applyFont="1" applyBorder="1" applyAlignment="1">
      <alignment horizontal="right" vertical="center" wrapText="1"/>
    </xf>
    <xf numFmtId="165" fontId="2" fillId="0" borderId="59" xfId="0" applyNumberFormat="1" applyFont="1" applyBorder="1" applyAlignment="1">
      <alignment vertical="center" wrapText="1"/>
    </xf>
    <xf numFmtId="165" fontId="2" fillId="0" borderId="64" xfId="0" applyNumberFormat="1" applyFont="1" applyBorder="1" applyAlignment="1">
      <alignment horizontal="right" vertical="center" wrapText="1"/>
    </xf>
    <xf numFmtId="165" fontId="2" fillId="0" borderId="65" xfId="0" applyNumberFormat="1" applyFont="1" applyBorder="1" applyAlignment="1">
      <alignment horizontal="right" vertical="center" wrapText="1"/>
    </xf>
    <xf numFmtId="164" fontId="7" fillId="2" borderId="19" xfId="0" applyNumberFormat="1" applyFont="1" applyFill="1" applyBorder="1" applyAlignment="1">
      <alignment horizontal="center" vertical="top" wrapText="1"/>
    </xf>
    <xf numFmtId="164" fontId="7" fillId="2" borderId="53" xfId="0" applyNumberFormat="1" applyFont="1" applyFill="1" applyBorder="1" applyAlignment="1">
      <alignment horizontal="center" vertical="top" wrapText="1"/>
    </xf>
    <xf numFmtId="164" fontId="7" fillId="2" borderId="55" xfId="0" applyNumberFormat="1" applyFont="1" applyFill="1" applyBorder="1" applyAlignment="1">
      <alignment horizontal="center" vertical="top" wrapText="1"/>
    </xf>
    <xf numFmtId="164" fontId="7" fillId="2" borderId="54" xfId="0" applyNumberFormat="1" applyFont="1" applyFill="1" applyBorder="1" applyAlignment="1">
      <alignment horizontal="center" vertical="top" wrapText="1"/>
    </xf>
    <xf numFmtId="0" fontId="9" fillId="5" borderId="40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7" fillId="2" borderId="67" xfId="0" applyFont="1" applyFill="1" applyBorder="1" applyAlignment="1">
      <alignment horizontal="left" vertical="top" wrapText="1"/>
    </xf>
    <xf numFmtId="0" fontId="12" fillId="6" borderId="23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wrapText="1"/>
    </xf>
    <xf numFmtId="164" fontId="2" fillId="0" borderId="0" xfId="0" applyNumberFormat="1" applyFont="1" applyBorder="1" applyAlignment="1">
      <alignment vertical="center" wrapText="1"/>
    </xf>
    <xf numFmtId="164" fontId="2" fillId="0" borderId="0" xfId="0" applyNumberFormat="1" applyFont="1" applyBorder="1" applyAlignment="1">
      <alignment horizontal="right" wrapText="1"/>
    </xf>
    <xf numFmtId="0" fontId="12" fillId="0" borderId="3" xfId="0" applyFont="1" applyFill="1" applyBorder="1" applyAlignment="1">
      <alignment horizontal="center" vertical="center" wrapText="1"/>
    </xf>
    <xf numFmtId="0" fontId="12" fillId="0" borderId="0" xfId="0" applyFont="1" applyFill="1" applyBorder="1" applyAlignment="1">
      <alignment vertical="center"/>
    </xf>
    <xf numFmtId="0" fontId="2" fillId="0" borderId="24" xfId="0" applyFont="1" applyFill="1" applyBorder="1" applyAlignment="1">
      <alignment horizontal="center" vertical="center" wrapText="1"/>
    </xf>
    <xf numFmtId="0" fontId="13" fillId="0" borderId="0" xfId="0" applyFont="1" applyAlignment="1">
      <alignment horizontal="left" vertical="center"/>
    </xf>
    <xf numFmtId="3" fontId="4" fillId="0" borderId="49" xfId="0" applyNumberFormat="1" applyFont="1" applyFill="1" applyBorder="1" applyAlignment="1">
      <alignment horizontal="center" vertical="center" wrapText="1"/>
    </xf>
    <xf numFmtId="0" fontId="13" fillId="0" borderId="0" xfId="0" applyFont="1" applyFill="1" applyAlignment="1">
      <alignment horizontal="left" vertical="center"/>
    </xf>
    <xf numFmtId="0" fontId="4" fillId="0" borderId="0" xfId="0" applyFont="1" applyFill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5" fontId="2" fillId="0" borderId="0" xfId="0" applyNumberFormat="1" applyFont="1" applyBorder="1" applyAlignment="1">
      <alignment horizontal="right" vertical="center" wrapText="1"/>
    </xf>
    <xf numFmtId="9" fontId="2" fillId="0" borderId="0" xfId="0" applyNumberFormat="1" applyFont="1" applyBorder="1" applyAlignment="1">
      <alignment horizontal="center" vertical="center" wrapText="1"/>
    </xf>
    <xf numFmtId="3" fontId="4" fillId="0" borderId="71" xfId="0" applyNumberFormat="1" applyFont="1" applyFill="1" applyBorder="1" applyAlignment="1">
      <alignment horizontal="center" vertical="center" wrapText="1"/>
    </xf>
    <xf numFmtId="3" fontId="4" fillId="0" borderId="70" xfId="0" applyNumberFormat="1" applyFont="1" applyFill="1" applyBorder="1" applyAlignment="1">
      <alignment horizontal="center" vertical="center" wrapText="1"/>
    </xf>
    <xf numFmtId="0" fontId="8" fillId="0" borderId="75" xfId="0" applyFont="1" applyBorder="1" applyAlignment="1">
      <alignment horizontal="center" vertical="center" wrapText="1"/>
    </xf>
    <xf numFmtId="0" fontId="8" fillId="0" borderId="74" xfId="0" applyFont="1" applyBorder="1" applyAlignment="1">
      <alignment horizontal="center" vertical="center" wrapText="1"/>
    </xf>
    <xf numFmtId="0" fontId="2" fillId="0" borderId="77" xfId="0" applyFont="1" applyBorder="1" applyAlignment="1">
      <alignment horizontal="center" vertical="center" wrapText="1"/>
    </xf>
    <xf numFmtId="0" fontId="2" fillId="0" borderId="76" xfId="0" applyFont="1" applyBorder="1" applyAlignment="1">
      <alignment horizontal="center" vertical="center" wrapText="1"/>
    </xf>
    <xf numFmtId="165" fontId="2" fillId="0" borderId="79" xfId="0" applyNumberFormat="1" applyFont="1" applyBorder="1" applyAlignment="1">
      <alignment horizontal="right" vertical="center" wrapText="1"/>
    </xf>
    <xf numFmtId="165" fontId="2" fillId="0" borderId="78" xfId="0" applyNumberFormat="1" applyFont="1" applyBorder="1" applyAlignment="1">
      <alignment horizontal="right" vertical="center" wrapText="1"/>
    </xf>
    <xf numFmtId="165" fontId="2" fillId="0" borderId="81" xfId="0" applyNumberFormat="1" applyFont="1" applyBorder="1" applyAlignment="1">
      <alignment horizontal="right" vertical="center" wrapText="1"/>
    </xf>
    <xf numFmtId="165" fontId="2" fillId="0" borderId="80" xfId="0" applyNumberFormat="1" applyFont="1" applyBorder="1" applyAlignment="1">
      <alignment horizontal="right" vertical="center" wrapText="1"/>
    </xf>
    <xf numFmtId="165" fontId="2" fillId="0" borderId="77" xfId="0" applyNumberFormat="1" applyFont="1" applyBorder="1" applyAlignment="1">
      <alignment horizontal="right" vertical="center" wrapText="1"/>
    </xf>
    <xf numFmtId="165" fontId="2" fillId="0" borderId="82" xfId="0" applyNumberFormat="1" applyFont="1" applyBorder="1" applyAlignment="1">
      <alignment horizontal="right" vertical="center" wrapText="1"/>
    </xf>
    <xf numFmtId="165" fontId="2" fillId="0" borderId="71" xfId="0" applyNumberFormat="1" applyFont="1" applyBorder="1" applyAlignment="1">
      <alignment horizontal="right" vertical="center" wrapText="1"/>
    </xf>
    <xf numFmtId="165" fontId="2" fillId="0" borderId="83" xfId="0" applyNumberFormat="1" applyFont="1" applyBorder="1" applyAlignment="1">
      <alignment horizontal="right" vertical="center" wrapText="1"/>
    </xf>
    <xf numFmtId="0" fontId="2" fillId="0" borderId="84" xfId="0" applyFont="1" applyBorder="1" applyAlignment="1">
      <alignment horizontal="center" vertical="center" wrapText="1"/>
    </xf>
    <xf numFmtId="0" fontId="2" fillId="0" borderId="78" xfId="0" applyFont="1" applyBorder="1" applyAlignment="1">
      <alignment horizontal="center" vertical="center" wrapText="1"/>
    </xf>
    <xf numFmtId="0" fontId="2" fillId="0" borderId="85" xfId="0" applyFont="1" applyBorder="1" applyAlignment="1">
      <alignment horizontal="center" vertical="center" wrapText="1"/>
    </xf>
    <xf numFmtId="9" fontId="2" fillId="0" borderId="78" xfId="0" applyNumberFormat="1" applyFont="1" applyBorder="1" applyAlignment="1">
      <alignment horizontal="center" vertical="center" wrapText="1"/>
    </xf>
    <xf numFmtId="165" fontId="2" fillId="0" borderId="54" xfId="0" applyNumberFormat="1" applyFont="1" applyBorder="1" applyAlignment="1">
      <alignment horizontal="right" vertical="center" wrapText="1"/>
    </xf>
    <xf numFmtId="165" fontId="2" fillId="0" borderId="19" xfId="0" applyNumberFormat="1" applyFont="1" applyBorder="1" applyAlignment="1">
      <alignment horizontal="right" vertical="center" wrapText="1"/>
    </xf>
    <xf numFmtId="3" fontId="4" fillId="0" borderId="47" xfId="0" applyNumberFormat="1" applyFont="1" applyFill="1" applyBorder="1" applyAlignment="1">
      <alignment horizontal="center" vertical="center" wrapText="1"/>
    </xf>
    <xf numFmtId="0" fontId="2" fillId="0" borderId="49" xfId="0" applyFont="1" applyFill="1" applyBorder="1" applyAlignment="1">
      <alignment horizontal="center" vertical="center" wrapText="1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Font="1" applyAlignment="1">
      <alignment horizontal="right" wrapText="1"/>
    </xf>
    <xf numFmtId="0" fontId="7" fillId="0" borderId="42" xfId="0" applyFont="1" applyBorder="1" applyAlignment="1">
      <alignment horizontal="center" vertical="center" wrapText="1"/>
    </xf>
    <xf numFmtId="0" fontId="7" fillId="0" borderId="44" xfId="0" applyFont="1" applyBorder="1" applyAlignment="1">
      <alignment horizontal="center" vertical="center" wrapText="1"/>
    </xf>
    <xf numFmtId="0" fontId="7" fillId="0" borderId="43" xfId="0" applyFont="1" applyBorder="1" applyAlignment="1">
      <alignment horizontal="center" vertical="center" wrapText="1"/>
    </xf>
    <xf numFmtId="0" fontId="6" fillId="0" borderId="42" xfId="0" applyFont="1" applyBorder="1" applyAlignment="1">
      <alignment horizontal="center" vertical="center" wrapText="1"/>
    </xf>
    <xf numFmtId="0" fontId="6" fillId="0" borderId="44" xfId="0" applyFont="1" applyBorder="1" applyAlignment="1">
      <alignment horizontal="center" vertical="center" wrapText="1"/>
    </xf>
    <xf numFmtId="0" fontId="6" fillId="0" borderId="43" xfId="0" applyFont="1" applyBorder="1" applyAlignment="1">
      <alignment horizontal="center" vertical="center" wrapText="1"/>
    </xf>
    <xf numFmtId="0" fontId="7" fillId="0" borderId="40" xfId="0" applyFont="1" applyBorder="1" applyAlignment="1">
      <alignment horizontal="center" vertical="center" wrapText="1"/>
    </xf>
    <xf numFmtId="0" fontId="2" fillId="0" borderId="0" xfId="0" applyFont="1" applyAlignment="1">
      <alignment horizontal="left" wrapText="1"/>
    </xf>
    <xf numFmtId="0" fontId="2" fillId="0" borderId="41" xfId="0" applyFont="1" applyBorder="1" applyAlignment="1">
      <alignment horizontal="left" wrapText="1"/>
    </xf>
    <xf numFmtId="0" fontId="2" fillId="0" borderId="0" xfId="0" applyFont="1" applyBorder="1" applyAlignment="1">
      <alignment horizontal="right" wrapText="1"/>
    </xf>
    <xf numFmtId="0" fontId="2" fillId="0" borderId="41" xfId="0" applyFont="1" applyBorder="1" applyAlignment="1">
      <alignment horizontal="right" wrapText="1"/>
    </xf>
    <xf numFmtId="0" fontId="7" fillId="0" borderId="40" xfId="0" applyFont="1" applyBorder="1" applyAlignment="1">
      <alignment horizontal="left" vertical="center" wrapText="1"/>
    </xf>
    <xf numFmtId="0" fontId="6" fillId="0" borderId="69" xfId="0" applyFont="1" applyFill="1" applyBorder="1" applyAlignment="1">
      <alignment horizontal="left" vertical="center" wrapText="1"/>
    </xf>
    <xf numFmtId="0" fontId="6" fillId="0" borderId="68" xfId="0" applyFont="1" applyFill="1" applyBorder="1" applyAlignment="1">
      <alignment horizontal="left" vertical="center" wrapText="1"/>
    </xf>
    <xf numFmtId="0" fontId="2" fillId="0" borderId="35" xfId="0" applyFont="1" applyBorder="1" applyAlignment="1">
      <alignment horizontal="left" vertical="center" wrapText="1"/>
    </xf>
    <xf numFmtId="0" fontId="2" fillId="0" borderId="37" xfId="0" applyFont="1" applyBorder="1" applyAlignment="1">
      <alignment horizontal="left" vertical="center" wrapText="1"/>
    </xf>
    <xf numFmtId="0" fontId="2" fillId="0" borderId="36" xfId="0" applyFont="1" applyBorder="1" applyAlignment="1">
      <alignment horizontal="left" vertical="center" wrapText="1"/>
    </xf>
    <xf numFmtId="0" fontId="4" fillId="0" borderId="26" xfId="0" applyFont="1" applyFill="1" applyBorder="1" applyAlignment="1">
      <alignment horizontal="left" vertical="center" wrapText="1"/>
    </xf>
    <xf numFmtId="0" fontId="4" fillId="0" borderId="27" xfId="0" applyFont="1" applyFill="1" applyBorder="1" applyAlignment="1">
      <alignment horizontal="left" vertical="center" wrapText="1"/>
    </xf>
    <xf numFmtId="0" fontId="4" fillId="0" borderId="28" xfId="0" applyFont="1" applyFill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0" fontId="7" fillId="2" borderId="22" xfId="0" applyFont="1" applyFill="1" applyBorder="1" applyAlignment="1">
      <alignment horizontal="center" vertical="top" wrapText="1"/>
    </xf>
    <xf numFmtId="0" fontId="7" fillId="2" borderId="30" xfId="0" applyFont="1" applyFill="1" applyBorder="1" applyAlignment="1">
      <alignment horizontal="center" vertical="top" wrapText="1"/>
    </xf>
    <xf numFmtId="0" fontId="4" fillId="0" borderId="72" xfId="0" applyFont="1" applyFill="1" applyBorder="1" applyAlignment="1">
      <alignment horizontal="left" vertical="center" wrapText="1"/>
    </xf>
    <xf numFmtId="0" fontId="4" fillId="0" borderId="73" xfId="0" applyFont="1" applyFill="1" applyBorder="1" applyAlignment="1">
      <alignment horizontal="left" vertical="center" wrapText="1"/>
    </xf>
    <xf numFmtId="0" fontId="2" fillId="0" borderId="9" xfId="0" applyFont="1" applyFill="1" applyBorder="1" applyAlignment="1">
      <alignment horizontal="left" vertical="center"/>
    </xf>
    <xf numFmtId="0" fontId="2" fillId="0" borderId="8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center"/>
    </xf>
    <xf numFmtId="0" fontId="2" fillId="0" borderId="1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5" fillId="7" borderId="0" xfId="0" applyFont="1" applyFill="1" applyAlignment="1">
      <alignment horizontal="left" vertical="center"/>
    </xf>
    <xf numFmtId="0" fontId="4" fillId="0" borderId="56" xfId="0" applyFont="1" applyFill="1" applyBorder="1" applyAlignment="1">
      <alignment horizontal="left" vertical="center" wrapText="1"/>
    </xf>
    <xf numFmtId="0" fontId="4" fillId="0" borderId="57" xfId="0" applyFont="1" applyFill="1" applyBorder="1" applyAlignment="1">
      <alignment horizontal="left" vertical="center" wrapText="1"/>
    </xf>
    <xf numFmtId="165" fontId="3" fillId="0" borderId="86" xfId="0" applyNumberFormat="1" applyFont="1" applyBorder="1" applyAlignment="1">
      <alignment horizontal="right" vertical="center" wrapText="1"/>
    </xf>
    <xf numFmtId="165" fontId="3" fillId="0" borderId="87" xfId="0" applyNumberFormat="1" applyFont="1" applyBorder="1" applyAlignment="1">
      <alignment horizontal="right" vertical="center" wrapText="1"/>
    </xf>
    <xf numFmtId="0" fontId="4" fillId="0" borderId="58" xfId="0" applyFont="1" applyBorder="1" applyAlignment="1">
      <alignment horizontal="left" vertical="center" wrapText="1"/>
    </xf>
    <xf numFmtId="0" fontId="4" fillId="0" borderId="59" xfId="0" applyFont="1" applyBorder="1" applyAlignment="1">
      <alignment horizontal="left" vertical="center" wrapText="1"/>
    </xf>
    <xf numFmtId="0" fontId="4" fillId="0" borderId="56" xfId="0" applyFont="1" applyBorder="1" applyAlignment="1">
      <alignment horizontal="left" vertical="center" wrapText="1"/>
    </xf>
    <xf numFmtId="0" fontId="4" fillId="0" borderId="57" xfId="0" applyFont="1" applyBorder="1" applyAlignment="1">
      <alignment horizontal="left" vertical="center" wrapText="1"/>
    </xf>
    <xf numFmtId="0" fontId="7" fillId="2" borderId="53" xfId="0" applyFont="1" applyFill="1" applyBorder="1" applyAlignment="1">
      <alignment horizontal="center" vertical="top" wrapText="1"/>
    </xf>
    <xf numFmtId="0" fontId="4" fillId="0" borderId="22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2" fillId="0" borderId="9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9" fontId="2" fillId="0" borderId="89" xfId="0" applyNumberFormat="1" applyFont="1" applyBorder="1" applyAlignment="1">
      <alignment horizontal="center" vertical="center" wrapText="1"/>
    </xf>
    <xf numFmtId="0" fontId="2" fillId="0" borderId="88" xfId="0" applyFont="1" applyBorder="1" applyAlignment="1">
      <alignment horizontal="center" vertical="center" wrapText="1"/>
    </xf>
    <xf numFmtId="0" fontId="2" fillId="0" borderId="90" xfId="0" applyFont="1" applyBorder="1" applyAlignment="1">
      <alignment horizontal="center" vertical="center" wrapText="1"/>
    </xf>
    <xf numFmtId="165" fontId="2" fillId="0" borderId="90" xfId="0" applyNumberFormat="1" applyFont="1" applyBorder="1" applyAlignment="1">
      <alignment horizontal="righ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42"/>
  <sheetViews>
    <sheetView showGridLines="0" tabSelected="1" zoomScaleNormal="100" workbookViewId="0">
      <selection activeCell="A5" sqref="A5:H5"/>
    </sheetView>
  </sheetViews>
  <sheetFormatPr defaultColWidth="9.140625"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0.7109375" style="4" customWidth="1"/>
    <col min="6" max="6" width="2" style="17" customWidth="1"/>
    <col min="7" max="7" width="15.7109375" style="4" customWidth="1"/>
    <col min="8" max="10" width="14.7109375" style="4" customWidth="1"/>
    <col min="11" max="11" width="15.7109375" style="11" customWidth="1"/>
    <col min="12" max="12" width="8.7109375" style="18" customWidth="1"/>
    <col min="13" max="13" width="12.42578125" style="19" customWidth="1"/>
    <col min="14" max="14" width="15.7109375" style="20" customWidth="1"/>
    <col min="15" max="15" width="15.7109375" style="11" customWidth="1"/>
    <col min="16" max="16" width="15.7109375" style="20" customWidth="1"/>
    <col min="17" max="16384" width="9.140625" style="1"/>
  </cols>
  <sheetData>
    <row r="1" spans="1:16" s="2" customFormat="1" ht="20.100000000000001" customHeight="1" x14ac:dyDescent="0.25">
      <c r="A1" s="155" t="s">
        <v>8</v>
      </c>
      <c r="B1" s="155"/>
      <c r="C1" s="155"/>
      <c r="D1" s="155"/>
      <c r="E1" s="155"/>
      <c r="F1" s="155"/>
      <c r="G1" s="155"/>
      <c r="H1" s="155"/>
      <c r="I1" s="155"/>
      <c r="J1" s="155"/>
      <c r="K1" s="155"/>
      <c r="L1" s="155"/>
      <c r="M1" s="155"/>
      <c r="N1" s="155"/>
      <c r="O1" s="155"/>
      <c r="P1" s="155"/>
    </row>
    <row r="2" spans="1:16" s="2" customFormat="1" x14ac:dyDescent="0.25">
      <c r="A2" s="6"/>
      <c r="B2" s="6"/>
      <c r="D2" s="3"/>
      <c r="E2" s="3"/>
      <c r="F2" s="5"/>
      <c r="G2" s="3"/>
      <c r="H2" s="3"/>
      <c r="I2" s="3"/>
      <c r="J2" s="3"/>
      <c r="K2" s="8"/>
      <c r="L2" s="9"/>
      <c r="M2" s="10"/>
      <c r="N2" s="11"/>
      <c r="O2" s="8"/>
      <c r="P2" s="11"/>
    </row>
    <row r="3" spans="1:16" s="2" customFormat="1" ht="20.100000000000001" customHeight="1" x14ac:dyDescent="0.2">
      <c r="A3" s="12" t="s">
        <v>9</v>
      </c>
      <c r="B3" s="12"/>
      <c r="D3" s="3"/>
      <c r="E3" s="3"/>
      <c r="F3" s="5"/>
      <c r="G3" s="3"/>
      <c r="H3" s="3"/>
      <c r="I3" s="3"/>
      <c r="J3" s="3"/>
      <c r="K3" s="8"/>
      <c r="L3" s="9"/>
      <c r="M3" s="10"/>
      <c r="N3" s="11"/>
      <c r="O3" s="8"/>
      <c r="P3" s="11"/>
    </row>
    <row r="4" spans="1:16" s="2" customFormat="1" ht="24.95" customHeight="1" x14ac:dyDescent="0.25">
      <c r="A4" s="62" t="s">
        <v>54</v>
      </c>
      <c r="B4" s="13"/>
      <c r="D4" s="3"/>
      <c r="E4" s="3"/>
      <c r="F4" s="5"/>
      <c r="G4" s="3"/>
      <c r="H4" s="3"/>
      <c r="I4" s="3"/>
      <c r="J4" s="3"/>
      <c r="K4" s="8"/>
      <c r="L4" s="9"/>
      <c r="M4" s="10"/>
      <c r="N4" s="11"/>
      <c r="O4" s="8"/>
      <c r="P4" s="11"/>
    </row>
    <row r="5" spans="1:16" s="2" customFormat="1" ht="24.95" customHeight="1" x14ac:dyDescent="0.25">
      <c r="A5" s="166" t="s">
        <v>47</v>
      </c>
      <c r="B5" s="166"/>
      <c r="C5" s="166"/>
      <c r="D5" s="166"/>
      <c r="E5" s="166"/>
      <c r="F5" s="166"/>
      <c r="G5" s="166"/>
      <c r="H5" s="166"/>
      <c r="I5" s="61"/>
      <c r="J5" s="61"/>
      <c r="K5" s="8"/>
      <c r="L5" s="9"/>
      <c r="M5" s="10"/>
      <c r="N5" s="11"/>
      <c r="O5" s="8"/>
      <c r="P5" s="11"/>
    </row>
    <row r="6" spans="1:16" s="2" customFormat="1" ht="16.5" customHeight="1" thickBot="1" x14ac:dyDescent="0.3">
      <c r="A6" s="106" t="s">
        <v>55</v>
      </c>
      <c r="B6" s="6"/>
      <c r="D6" s="3"/>
      <c r="E6" s="3"/>
      <c r="F6" s="5"/>
      <c r="G6" s="3"/>
      <c r="H6" s="3"/>
      <c r="I6" s="3"/>
      <c r="J6" s="3"/>
      <c r="K6" s="8"/>
      <c r="L6" s="9"/>
      <c r="M6" s="10"/>
      <c r="N6" s="11"/>
      <c r="O6" s="8"/>
      <c r="P6" s="11"/>
    </row>
    <row r="7" spans="1:16" s="7" customFormat="1" ht="48.75" thickBot="1" x14ac:dyDescent="0.3">
      <c r="A7" s="34" t="s">
        <v>10</v>
      </c>
      <c r="B7" s="156" t="s">
        <v>1</v>
      </c>
      <c r="C7" s="157"/>
      <c r="D7" s="35" t="s">
        <v>11</v>
      </c>
      <c r="E7" s="36" t="s">
        <v>12</v>
      </c>
      <c r="F7" s="14"/>
      <c r="G7" s="37" t="s">
        <v>13</v>
      </c>
      <c r="H7" s="38" t="s">
        <v>14</v>
      </c>
      <c r="I7" s="38" t="s">
        <v>15</v>
      </c>
      <c r="J7" s="39" t="s">
        <v>16</v>
      </c>
      <c r="K7" s="41" t="s">
        <v>17</v>
      </c>
      <c r="L7" s="40" t="s">
        <v>18</v>
      </c>
      <c r="M7" s="41" t="s">
        <v>19</v>
      </c>
      <c r="N7" s="42" t="s">
        <v>20</v>
      </c>
      <c r="O7" s="43" t="s">
        <v>21</v>
      </c>
      <c r="P7" s="44" t="s">
        <v>22</v>
      </c>
    </row>
    <row r="8" spans="1:16" s="2" customFormat="1" ht="40.5" customHeight="1" x14ac:dyDescent="0.25">
      <c r="A8" s="114" t="s">
        <v>2</v>
      </c>
      <c r="B8" s="158" t="s">
        <v>51</v>
      </c>
      <c r="C8" s="159"/>
      <c r="D8" s="116" t="s">
        <v>0</v>
      </c>
      <c r="E8" s="112">
        <v>4</v>
      </c>
      <c r="F8" s="16"/>
      <c r="G8" s="125"/>
      <c r="H8" s="126"/>
      <c r="I8" s="126"/>
      <c r="J8" s="127"/>
      <c r="K8" s="118"/>
      <c r="L8" s="128">
        <v>0</v>
      </c>
      <c r="M8" s="118">
        <f>K8*L8</f>
        <v>0</v>
      </c>
      <c r="N8" s="119">
        <f>K8+M8</f>
        <v>0</v>
      </c>
      <c r="O8" s="122">
        <f>E8*K8</f>
        <v>0</v>
      </c>
      <c r="P8" s="124">
        <f>E8*N8</f>
        <v>0</v>
      </c>
    </row>
    <row r="9" spans="1:16" s="2" customFormat="1" ht="40.5" customHeight="1" thickBot="1" x14ac:dyDescent="0.3">
      <c r="A9" s="113" t="s">
        <v>35</v>
      </c>
      <c r="B9" s="167" t="s">
        <v>50</v>
      </c>
      <c r="C9" s="168"/>
      <c r="D9" s="115" t="s">
        <v>0</v>
      </c>
      <c r="E9" s="111">
        <v>2</v>
      </c>
      <c r="F9" s="16"/>
      <c r="G9" s="182"/>
      <c r="H9" s="183"/>
      <c r="I9" s="183"/>
      <c r="J9" s="183"/>
      <c r="K9" s="184"/>
      <c r="L9" s="181">
        <v>0</v>
      </c>
      <c r="M9" s="117">
        <f>K9*L9</f>
        <v>0</v>
      </c>
      <c r="N9" s="120">
        <f>K9+M9</f>
        <v>0</v>
      </c>
      <c r="O9" s="121">
        <f>E9*K9</f>
        <v>0</v>
      </c>
      <c r="P9" s="123">
        <f>E9*N9</f>
        <v>0</v>
      </c>
    </row>
    <row r="10" spans="1:16" s="2" customFormat="1" ht="40.5" customHeight="1" thickBot="1" x14ac:dyDescent="0.3">
      <c r="A10" s="72"/>
      <c r="B10" s="107"/>
      <c r="C10" s="107"/>
      <c r="D10" s="63"/>
      <c r="E10" s="108"/>
      <c r="F10" s="16"/>
      <c r="G10" s="63"/>
      <c r="H10" s="63"/>
      <c r="I10" s="63"/>
      <c r="J10" s="63"/>
      <c r="K10" s="109"/>
      <c r="L10" s="110"/>
      <c r="M10" s="169" t="s">
        <v>48</v>
      </c>
      <c r="N10" s="170"/>
      <c r="O10" s="130">
        <f>SUM(O8:O9)</f>
        <v>0</v>
      </c>
      <c r="P10" s="129">
        <f>SUM(P8:P9)</f>
        <v>0</v>
      </c>
    </row>
    <row r="12" spans="1:16" ht="13.5" thickBot="1" x14ac:dyDescent="0.25">
      <c r="A12" s="21" t="s">
        <v>23</v>
      </c>
      <c r="B12" s="21"/>
      <c r="C12" s="22"/>
      <c r="D12" s="1"/>
      <c r="E12" s="23"/>
      <c r="F12" s="23"/>
      <c r="G12" s="24"/>
      <c r="H12" s="23"/>
    </row>
    <row r="13" spans="1:16" ht="30" customHeight="1" x14ac:dyDescent="0.2">
      <c r="A13" s="101">
        <v>1</v>
      </c>
      <c r="B13" s="160" t="s">
        <v>24</v>
      </c>
      <c r="C13" s="161"/>
      <c r="D13" s="161"/>
      <c r="E13" s="162"/>
      <c r="F13" s="102"/>
      <c r="G13" s="97"/>
      <c r="H13" s="103" t="s">
        <v>29</v>
      </c>
    </row>
    <row r="14" spans="1:16" ht="30" customHeight="1" x14ac:dyDescent="0.2">
      <c r="A14" s="29">
        <v>2</v>
      </c>
      <c r="B14" s="163" t="s">
        <v>25</v>
      </c>
      <c r="C14" s="164"/>
      <c r="D14" s="164"/>
      <c r="E14" s="165"/>
      <c r="F14" s="26"/>
      <c r="G14" s="30"/>
      <c r="H14" s="31" t="s">
        <v>26</v>
      </c>
    </row>
    <row r="15" spans="1:16" ht="30" customHeight="1" x14ac:dyDescent="0.2">
      <c r="A15" s="54">
        <v>3</v>
      </c>
      <c r="B15" s="149" t="s">
        <v>27</v>
      </c>
      <c r="C15" s="150"/>
      <c r="D15" s="150"/>
      <c r="E15" s="151"/>
      <c r="F15" s="26"/>
      <c r="G15" s="59"/>
      <c r="H15" s="60" t="s">
        <v>28</v>
      </c>
    </row>
    <row r="16" spans="1:16" ht="68.45" customHeight="1" thickBot="1" x14ac:dyDescent="0.25">
      <c r="A16" s="55">
        <v>4</v>
      </c>
      <c r="B16" s="152" t="s">
        <v>30</v>
      </c>
      <c r="C16" s="153"/>
      <c r="D16" s="153"/>
      <c r="E16" s="154"/>
      <c r="F16" s="56"/>
      <c r="G16" s="58"/>
      <c r="H16" s="57" t="s">
        <v>31</v>
      </c>
    </row>
    <row r="17" spans="1:16" ht="19.5" customHeight="1" x14ac:dyDescent="0.2">
      <c r="E17" s="1"/>
      <c r="F17" s="1"/>
      <c r="G17" s="1"/>
    </row>
    <row r="18" spans="1:16" s="2" customFormat="1" ht="16.5" customHeight="1" thickBot="1" x14ac:dyDescent="0.3">
      <c r="A18" s="104" t="s">
        <v>49</v>
      </c>
      <c r="B18" s="6"/>
      <c r="D18" s="61"/>
      <c r="E18" s="61"/>
      <c r="F18" s="5"/>
      <c r="G18" s="61"/>
      <c r="H18" s="61"/>
      <c r="I18" s="61"/>
      <c r="J18" s="61"/>
      <c r="K18" s="8"/>
      <c r="L18" s="9"/>
      <c r="M18" s="10"/>
      <c r="N18" s="11"/>
      <c r="O18" s="8"/>
      <c r="P18" s="11"/>
    </row>
    <row r="19" spans="1:16" s="7" customFormat="1" ht="48.75" thickBot="1" x14ac:dyDescent="0.3">
      <c r="A19" s="34" t="s">
        <v>10</v>
      </c>
      <c r="B19" s="156" t="s">
        <v>1</v>
      </c>
      <c r="C19" s="157"/>
      <c r="D19" s="35" t="s">
        <v>11</v>
      </c>
      <c r="E19" s="36" t="s">
        <v>12</v>
      </c>
      <c r="F19" s="14"/>
      <c r="G19" s="37" t="s">
        <v>13</v>
      </c>
      <c r="H19" s="38" t="s">
        <v>14</v>
      </c>
      <c r="I19" s="38" t="s">
        <v>15</v>
      </c>
      <c r="J19" s="39" t="s">
        <v>16</v>
      </c>
      <c r="K19" s="41" t="s">
        <v>17</v>
      </c>
      <c r="L19" s="40" t="s">
        <v>18</v>
      </c>
      <c r="M19" s="41" t="s">
        <v>19</v>
      </c>
      <c r="N19" s="42" t="s">
        <v>20</v>
      </c>
      <c r="O19" s="43" t="s">
        <v>21</v>
      </c>
      <c r="P19" s="44" t="s">
        <v>22</v>
      </c>
    </row>
    <row r="20" spans="1:16" s="2" customFormat="1" ht="40.5" customHeight="1" thickBot="1" x14ac:dyDescent="0.3">
      <c r="A20" s="68" t="s">
        <v>36</v>
      </c>
      <c r="B20" s="176" t="s">
        <v>40</v>
      </c>
      <c r="C20" s="177"/>
      <c r="D20" s="15" t="s">
        <v>0</v>
      </c>
      <c r="E20" s="53">
        <v>1</v>
      </c>
      <c r="F20" s="16"/>
      <c r="G20" s="45"/>
      <c r="H20" s="46"/>
      <c r="I20" s="46"/>
      <c r="J20" s="47"/>
      <c r="K20" s="49"/>
      <c r="L20" s="48"/>
      <c r="M20" s="49">
        <f>K20*L20</f>
        <v>0</v>
      </c>
      <c r="N20" s="50">
        <f>K20+M20</f>
        <v>0</v>
      </c>
      <c r="O20" s="51">
        <f>E20*K20</f>
        <v>0</v>
      </c>
      <c r="P20" s="52">
        <f>E20*N20</f>
        <v>0</v>
      </c>
    </row>
    <row r="22" spans="1:16" ht="13.5" thickBot="1" x14ac:dyDescent="0.25">
      <c r="A22" s="21" t="s">
        <v>23</v>
      </c>
      <c r="B22" s="21"/>
      <c r="C22" s="22"/>
      <c r="D22" s="1"/>
      <c r="E22" s="23"/>
      <c r="F22" s="23"/>
      <c r="G22" s="24"/>
      <c r="H22" s="23"/>
    </row>
    <row r="23" spans="1:16" ht="30" customHeight="1" x14ac:dyDescent="0.2">
      <c r="A23" s="25">
        <v>1</v>
      </c>
      <c r="B23" s="178" t="s">
        <v>24</v>
      </c>
      <c r="C23" s="179"/>
      <c r="D23" s="179"/>
      <c r="E23" s="180"/>
      <c r="F23" s="56"/>
      <c r="G23" s="27"/>
      <c r="H23" s="28" t="s">
        <v>29</v>
      </c>
    </row>
    <row r="24" spans="1:16" ht="30" customHeight="1" x14ac:dyDescent="0.2">
      <c r="A24" s="29">
        <v>2</v>
      </c>
      <c r="B24" s="163" t="s">
        <v>25</v>
      </c>
      <c r="C24" s="164"/>
      <c r="D24" s="164"/>
      <c r="E24" s="165"/>
      <c r="F24" s="56"/>
      <c r="G24" s="30"/>
      <c r="H24" s="31" t="s">
        <v>26</v>
      </c>
    </row>
    <row r="25" spans="1:16" ht="30" customHeight="1" x14ac:dyDescent="0.2">
      <c r="A25" s="54">
        <v>3</v>
      </c>
      <c r="B25" s="149" t="s">
        <v>27</v>
      </c>
      <c r="C25" s="150"/>
      <c r="D25" s="150"/>
      <c r="E25" s="151"/>
      <c r="F25" s="56"/>
      <c r="G25" s="59"/>
      <c r="H25" s="60" t="s">
        <v>28</v>
      </c>
    </row>
    <row r="26" spans="1:16" ht="68.45" customHeight="1" thickBot="1" x14ac:dyDescent="0.25">
      <c r="A26" s="55">
        <v>4</v>
      </c>
      <c r="B26" s="152" t="s">
        <v>30</v>
      </c>
      <c r="C26" s="153"/>
      <c r="D26" s="153"/>
      <c r="E26" s="154"/>
      <c r="F26" s="56"/>
      <c r="G26" s="58"/>
      <c r="H26" s="57" t="s">
        <v>31</v>
      </c>
    </row>
    <row r="27" spans="1:16" ht="8.25" customHeight="1" thickBot="1" x14ac:dyDescent="0.25">
      <c r="E27" s="1"/>
      <c r="F27" s="1"/>
      <c r="G27" s="1"/>
    </row>
    <row r="28" spans="1:16" ht="48.75" customHeight="1" thickBot="1" x14ac:dyDescent="0.25">
      <c r="A28" s="96" t="s">
        <v>10</v>
      </c>
      <c r="B28" s="175" t="s">
        <v>1</v>
      </c>
      <c r="C28" s="157"/>
      <c r="D28" s="84" t="s">
        <v>11</v>
      </c>
      <c r="E28" s="85" t="s">
        <v>12</v>
      </c>
      <c r="F28" s="1"/>
      <c r="G28" s="90" t="s">
        <v>17</v>
      </c>
      <c r="H28" s="91" t="s">
        <v>20</v>
      </c>
      <c r="I28" s="92" t="s">
        <v>21</v>
      </c>
      <c r="J28" s="93" t="s">
        <v>22</v>
      </c>
    </row>
    <row r="29" spans="1:16" ht="35.1" customHeight="1" x14ac:dyDescent="0.2">
      <c r="A29" s="81" t="s">
        <v>2</v>
      </c>
      <c r="B29" s="171" t="s">
        <v>53</v>
      </c>
      <c r="C29" s="172"/>
      <c r="D29" s="82" t="s">
        <v>0</v>
      </c>
      <c r="E29" s="83">
        <v>4</v>
      </c>
      <c r="F29" s="1"/>
      <c r="G29" s="86">
        <f>K8</f>
        <v>0</v>
      </c>
      <c r="H29" s="87">
        <f t="shared" ref="H29:J30" si="0">N8</f>
        <v>0</v>
      </c>
      <c r="I29" s="88">
        <f t="shared" si="0"/>
        <v>0</v>
      </c>
      <c r="J29" s="89">
        <f t="shared" si="0"/>
        <v>0</v>
      </c>
    </row>
    <row r="30" spans="1:16" ht="35.1" customHeight="1" x14ac:dyDescent="0.2">
      <c r="A30" s="73">
        <v>2</v>
      </c>
      <c r="B30" s="171" t="s">
        <v>52</v>
      </c>
      <c r="C30" s="172"/>
      <c r="D30" s="65" t="s">
        <v>0</v>
      </c>
      <c r="E30" s="131">
        <v>2</v>
      </c>
      <c r="F30" s="1"/>
      <c r="G30" s="86">
        <f>K9</f>
        <v>0</v>
      </c>
      <c r="H30" s="87">
        <f t="shared" si="0"/>
        <v>0</v>
      </c>
      <c r="I30" s="88">
        <f t="shared" si="0"/>
        <v>0</v>
      </c>
      <c r="J30" s="89">
        <f t="shared" si="0"/>
        <v>0</v>
      </c>
    </row>
    <row r="31" spans="1:16" ht="35.1" customHeight="1" thickBot="1" x14ac:dyDescent="0.25">
      <c r="A31" s="74" t="s">
        <v>36</v>
      </c>
      <c r="B31" s="173" t="s">
        <v>40</v>
      </c>
      <c r="C31" s="174"/>
      <c r="D31" s="69" t="s">
        <v>0</v>
      </c>
      <c r="E31" s="132">
        <v>1</v>
      </c>
      <c r="F31" s="1"/>
      <c r="G31" s="80">
        <f>K20</f>
        <v>0</v>
      </c>
      <c r="H31" s="79">
        <f>N20</f>
        <v>0</v>
      </c>
      <c r="I31" s="70">
        <f>O20</f>
        <v>0</v>
      </c>
      <c r="J31" s="71">
        <f>P20</f>
        <v>0</v>
      </c>
    </row>
    <row r="32" spans="1:16" ht="24" customHeight="1" thickBot="1" x14ac:dyDescent="0.25">
      <c r="A32" s="72"/>
      <c r="B32" s="64"/>
      <c r="C32" s="64"/>
      <c r="D32" s="63"/>
      <c r="E32" s="63"/>
      <c r="F32" s="1"/>
      <c r="G32" s="1"/>
      <c r="H32" s="75" t="s">
        <v>37</v>
      </c>
      <c r="I32" s="76">
        <f>SUM(I29:I31)</f>
        <v>0</v>
      </c>
      <c r="J32" s="77">
        <f>SUM(J29:J31)</f>
        <v>0</v>
      </c>
    </row>
    <row r="33" spans="1:13" ht="21" customHeight="1" x14ac:dyDescent="0.2">
      <c r="E33" s="1"/>
      <c r="F33" s="1"/>
      <c r="G33" s="1"/>
    </row>
    <row r="34" spans="1:13" ht="24.95" customHeight="1" x14ac:dyDescent="0.2">
      <c r="B34" s="142" t="s">
        <v>43</v>
      </c>
      <c r="C34" s="143"/>
      <c r="D34" s="135"/>
      <c r="E34" s="136"/>
      <c r="F34" s="136"/>
      <c r="G34" s="137"/>
      <c r="H34" s="32"/>
      <c r="I34" s="32"/>
      <c r="J34" s="32" t="s">
        <v>4</v>
      </c>
    </row>
    <row r="35" spans="1:13" ht="24.95" customHeight="1" x14ac:dyDescent="0.2">
      <c r="B35" s="142" t="s">
        <v>44</v>
      </c>
      <c r="C35" s="143"/>
      <c r="D35" s="138"/>
      <c r="E35" s="139"/>
      <c r="F35" s="139"/>
      <c r="G35" s="140"/>
      <c r="H35" s="33"/>
      <c r="I35" s="134" t="s">
        <v>34</v>
      </c>
      <c r="J35" s="145"/>
      <c r="K35" s="146"/>
      <c r="L35" s="146"/>
    </row>
    <row r="36" spans="1:13" ht="24.95" customHeight="1" x14ac:dyDescent="0.2">
      <c r="B36" s="142" t="s">
        <v>41</v>
      </c>
      <c r="C36" s="143"/>
      <c r="D36" s="138"/>
      <c r="E36" s="139"/>
      <c r="F36" s="139"/>
      <c r="G36" s="140"/>
      <c r="H36" s="33"/>
      <c r="I36" s="144" t="s">
        <v>6</v>
      </c>
      <c r="J36" s="145"/>
      <c r="K36" s="135"/>
      <c r="L36" s="137"/>
    </row>
    <row r="37" spans="1:13" ht="24.95" customHeight="1" x14ac:dyDescent="0.2">
      <c r="C37" s="32"/>
      <c r="D37" s="1"/>
      <c r="E37" s="1"/>
      <c r="G37" s="33"/>
      <c r="H37" s="33"/>
      <c r="I37" s="134" t="s">
        <v>7</v>
      </c>
      <c r="J37" s="144"/>
      <c r="K37" s="147"/>
      <c r="L37" s="148"/>
      <c r="M37" s="100"/>
    </row>
    <row r="38" spans="1:13" ht="24.95" customHeight="1" x14ac:dyDescent="0.2">
      <c r="C38" s="32" t="s">
        <v>3</v>
      </c>
      <c r="D38" s="141"/>
      <c r="E38" s="141"/>
      <c r="G38" s="33"/>
      <c r="H38" s="33"/>
      <c r="I38" s="134"/>
      <c r="J38" s="134"/>
      <c r="K38" s="99"/>
    </row>
    <row r="39" spans="1:13" ht="24.95" customHeight="1" x14ac:dyDescent="0.2">
      <c r="C39" s="32" t="s">
        <v>5</v>
      </c>
      <c r="D39" s="141"/>
      <c r="E39" s="141"/>
      <c r="G39" s="33"/>
      <c r="H39" s="33"/>
      <c r="I39" s="134"/>
      <c r="J39" s="134"/>
    </row>
    <row r="40" spans="1:13" ht="1.5" customHeight="1" x14ac:dyDescent="0.2">
      <c r="C40" s="32"/>
    </row>
    <row r="41" spans="1:13" ht="9.75" customHeight="1" x14ac:dyDescent="0.2">
      <c r="A41" s="133" t="s">
        <v>38</v>
      </c>
      <c r="B41" s="133"/>
    </row>
    <row r="42" spans="1:13" ht="14.25" x14ac:dyDescent="0.2">
      <c r="A42" s="94"/>
      <c r="B42" s="95" t="s">
        <v>39</v>
      </c>
    </row>
  </sheetData>
  <mergeCells count="37">
    <mergeCell ref="B29:C29"/>
    <mergeCell ref="B30:C30"/>
    <mergeCell ref="B31:C31"/>
    <mergeCell ref="B15:E15"/>
    <mergeCell ref="B16:E16"/>
    <mergeCell ref="B28:C28"/>
    <mergeCell ref="B19:C19"/>
    <mergeCell ref="B20:C20"/>
    <mergeCell ref="B23:E23"/>
    <mergeCell ref="B24:E24"/>
    <mergeCell ref="B25:E25"/>
    <mergeCell ref="B26:E26"/>
    <mergeCell ref="A1:P1"/>
    <mergeCell ref="B7:C7"/>
    <mergeCell ref="B8:C8"/>
    <mergeCell ref="B13:E13"/>
    <mergeCell ref="B14:E14"/>
    <mergeCell ref="A5:H5"/>
    <mergeCell ref="B9:C9"/>
    <mergeCell ref="M10:N10"/>
    <mergeCell ref="K35:L35"/>
    <mergeCell ref="K37:L37"/>
    <mergeCell ref="I35:J35"/>
    <mergeCell ref="I37:J37"/>
    <mergeCell ref="D38:E38"/>
    <mergeCell ref="K36:L36"/>
    <mergeCell ref="A41:B41"/>
    <mergeCell ref="I39:J39"/>
    <mergeCell ref="D34:G34"/>
    <mergeCell ref="D35:G35"/>
    <mergeCell ref="I38:J38"/>
    <mergeCell ref="D39:E39"/>
    <mergeCell ref="B34:C34"/>
    <mergeCell ref="B35:C35"/>
    <mergeCell ref="I36:J36"/>
    <mergeCell ref="D36:G36"/>
    <mergeCell ref="B36:C36"/>
  </mergeCells>
  <conditionalFormatting sqref="G14:G16">
    <cfRule type="containsBlanks" dxfId="29" priority="33">
      <formula>LEN(TRIM(G14))=0</formula>
    </cfRule>
  </conditionalFormatting>
  <conditionalFormatting sqref="G13">
    <cfRule type="containsBlanks" dxfId="28" priority="32">
      <formula>LEN(TRIM(G13))=0</formula>
    </cfRule>
  </conditionalFormatting>
  <conditionalFormatting sqref="G8:J9 L8:L9">
    <cfRule type="containsBlanks" dxfId="27" priority="26">
      <formula>LEN(TRIM(G8))=0</formula>
    </cfRule>
  </conditionalFormatting>
  <conditionalFormatting sqref="K8:K9">
    <cfRule type="containsBlanks" dxfId="26" priority="24">
      <formula>LEN(TRIM(K8))=0</formula>
    </cfRule>
  </conditionalFormatting>
  <conditionalFormatting sqref="O10:P10 M8:P9">
    <cfRule type="containsBlanks" dxfId="25" priority="25">
      <formula>LEN(TRIM(M8))=0</formula>
    </cfRule>
  </conditionalFormatting>
  <conditionalFormatting sqref="G24:G26">
    <cfRule type="containsBlanks" dxfId="24" priority="18">
      <formula>LEN(TRIM(G24))=0</formula>
    </cfRule>
  </conditionalFormatting>
  <conditionalFormatting sqref="G23">
    <cfRule type="containsBlanks" dxfId="23" priority="17">
      <formula>LEN(TRIM(G23))=0</formula>
    </cfRule>
  </conditionalFormatting>
  <conditionalFormatting sqref="G20:J20 L20">
    <cfRule type="containsBlanks" dxfId="22" priority="16">
      <formula>LEN(TRIM(G20))=0</formula>
    </cfRule>
  </conditionalFormatting>
  <conditionalFormatting sqref="K20">
    <cfRule type="containsBlanks" dxfId="21" priority="14">
      <formula>LEN(TRIM(K20))=0</formula>
    </cfRule>
  </conditionalFormatting>
  <conditionalFormatting sqref="M20:P20">
    <cfRule type="containsBlanks" dxfId="20" priority="15">
      <formula>LEN(TRIM(M20))=0</formula>
    </cfRule>
  </conditionalFormatting>
  <conditionalFormatting sqref="D38:D39">
    <cfRule type="containsBlanks" dxfId="19" priority="7">
      <formula>LEN(TRIM(D38))=0</formula>
    </cfRule>
  </conditionalFormatting>
  <conditionalFormatting sqref="D34">
    <cfRule type="containsBlanks" dxfId="18" priority="4">
      <formula>LEN(TRIM(D34))=0</formula>
    </cfRule>
  </conditionalFormatting>
  <conditionalFormatting sqref="K35:L35 K36">
    <cfRule type="containsBlanks" dxfId="17" priority="6">
      <formula>LEN(TRIM(K35))=0</formula>
    </cfRule>
  </conditionalFormatting>
  <conditionalFormatting sqref="D35">
    <cfRule type="containsBlanks" dxfId="16" priority="3">
      <formula>LEN(TRIM(D35))=0</formula>
    </cfRule>
  </conditionalFormatting>
  <conditionalFormatting sqref="D36">
    <cfRule type="containsBlanks" dxfId="15" priority="1">
      <formula>LEN(TRIM(D36))=0</formula>
    </cfRule>
  </conditionalFormatting>
  <pageMargins left="0.70866141732283472" right="0.70866141732283472" top="0.98124999999999996" bottom="0.74803149606299213" header="0.31496062992125984" footer="0.31496062992125984"/>
  <pageSetup paperSize="9" scale="61" fitToHeight="0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  <rowBreaks count="1" manualBreakCount="1">
    <brk id="26" max="1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70C0"/>
    <pageSetUpPr fitToPage="1"/>
  </sheetPr>
  <dimension ref="A1:P40"/>
  <sheetViews>
    <sheetView showGridLines="0" zoomScaleNormal="100" workbookViewId="0">
      <selection activeCell="A5" sqref="A5:I5"/>
    </sheetView>
  </sheetViews>
  <sheetFormatPr defaultColWidth="9.140625"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0.7109375" style="4" customWidth="1"/>
    <col min="6" max="6" width="2" style="17" customWidth="1"/>
    <col min="7" max="7" width="15.7109375" style="4" customWidth="1"/>
    <col min="8" max="10" width="14.7109375" style="4" customWidth="1"/>
    <col min="11" max="11" width="15.7109375" style="11" customWidth="1"/>
    <col min="12" max="12" width="8.7109375" style="18" customWidth="1"/>
    <col min="13" max="13" width="12.42578125" style="19" customWidth="1"/>
    <col min="14" max="14" width="15.7109375" style="20" customWidth="1"/>
    <col min="15" max="15" width="15.7109375" style="11" customWidth="1"/>
    <col min="16" max="16" width="15.7109375" style="20" customWidth="1"/>
    <col min="17" max="16384" width="9.140625" style="1"/>
  </cols>
  <sheetData>
    <row r="1" spans="1:16" s="2" customFormat="1" ht="20.100000000000001" customHeight="1" x14ac:dyDescent="0.25">
      <c r="A1" s="155" t="s">
        <v>8</v>
      </c>
      <c r="B1" s="155"/>
      <c r="C1" s="155"/>
      <c r="D1" s="155"/>
      <c r="E1" s="155"/>
      <c r="F1" s="155"/>
      <c r="G1" s="155"/>
      <c r="H1" s="155"/>
      <c r="I1" s="155"/>
      <c r="J1" s="155"/>
      <c r="K1" s="155"/>
      <c r="L1" s="155"/>
      <c r="M1" s="155"/>
      <c r="N1" s="155"/>
      <c r="O1" s="155"/>
      <c r="P1" s="155"/>
    </row>
    <row r="2" spans="1:16" s="2" customFormat="1" x14ac:dyDescent="0.25">
      <c r="A2" s="6"/>
      <c r="B2" s="6"/>
      <c r="D2" s="61"/>
      <c r="E2" s="61"/>
      <c r="F2" s="5"/>
      <c r="G2" s="61"/>
      <c r="H2" s="61"/>
      <c r="I2" s="61"/>
      <c r="J2" s="61"/>
      <c r="K2" s="8"/>
      <c r="L2" s="9"/>
      <c r="M2" s="10"/>
      <c r="N2" s="11"/>
      <c r="O2" s="8"/>
      <c r="P2" s="11"/>
    </row>
    <row r="3" spans="1:16" s="2" customFormat="1" ht="20.100000000000001" customHeight="1" x14ac:dyDescent="0.2">
      <c r="A3" s="12" t="s">
        <v>9</v>
      </c>
      <c r="B3" s="12"/>
      <c r="D3" s="61"/>
      <c r="E3" s="61"/>
      <c r="F3" s="5"/>
      <c r="G3" s="61"/>
      <c r="H3" s="61"/>
      <c r="I3" s="61"/>
      <c r="J3" s="61"/>
      <c r="K3" s="8"/>
      <c r="L3" s="9"/>
      <c r="M3" s="10"/>
      <c r="N3" s="11"/>
      <c r="O3" s="8"/>
      <c r="P3" s="11"/>
    </row>
    <row r="4" spans="1:16" s="2" customFormat="1" ht="24.95" customHeight="1" x14ac:dyDescent="0.25">
      <c r="A4" s="62" t="s">
        <v>54</v>
      </c>
      <c r="B4" s="13"/>
      <c r="D4" s="61"/>
      <c r="E4" s="61"/>
      <c r="F4" s="5"/>
      <c r="G4" s="61"/>
      <c r="H4" s="61"/>
      <c r="I4" s="61"/>
      <c r="J4" s="61"/>
      <c r="K4" s="8"/>
      <c r="L4" s="9"/>
      <c r="M4" s="10"/>
      <c r="N4" s="11"/>
      <c r="O4" s="8"/>
      <c r="P4" s="11"/>
    </row>
    <row r="5" spans="1:16" s="2" customFormat="1" ht="24.95" customHeight="1" x14ac:dyDescent="0.25">
      <c r="A5" s="166" t="s">
        <v>46</v>
      </c>
      <c r="B5" s="166"/>
      <c r="C5" s="166"/>
      <c r="D5" s="166"/>
      <c r="E5" s="166"/>
      <c r="F5" s="166"/>
      <c r="G5" s="166"/>
      <c r="H5" s="166"/>
      <c r="I5" s="166"/>
      <c r="J5" s="61"/>
      <c r="K5" s="8"/>
      <c r="L5" s="9"/>
      <c r="M5" s="10"/>
      <c r="N5" s="11"/>
      <c r="O5" s="8"/>
      <c r="P5" s="11"/>
    </row>
    <row r="6" spans="1:16" s="2" customFormat="1" ht="16.5" customHeight="1" thickBot="1" x14ac:dyDescent="0.3">
      <c r="A6" s="104" t="s">
        <v>33</v>
      </c>
      <c r="B6" s="6"/>
      <c r="D6" s="61"/>
      <c r="E6" s="61"/>
      <c r="F6" s="5"/>
      <c r="G6" s="61"/>
      <c r="H6" s="61"/>
      <c r="I6" s="61"/>
      <c r="J6" s="61"/>
      <c r="K6" s="8"/>
      <c r="L6" s="9"/>
      <c r="M6" s="10"/>
      <c r="N6" s="11"/>
      <c r="O6" s="8"/>
      <c r="P6" s="11"/>
    </row>
    <row r="7" spans="1:16" s="7" customFormat="1" ht="48.75" thickBot="1" x14ac:dyDescent="0.3">
      <c r="A7" s="34" t="s">
        <v>10</v>
      </c>
      <c r="B7" s="156" t="s">
        <v>1</v>
      </c>
      <c r="C7" s="157"/>
      <c r="D7" s="35" t="s">
        <v>11</v>
      </c>
      <c r="E7" s="36" t="s">
        <v>12</v>
      </c>
      <c r="F7" s="14"/>
      <c r="G7" s="37" t="s">
        <v>13</v>
      </c>
      <c r="H7" s="38" t="s">
        <v>14</v>
      </c>
      <c r="I7" s="38" t="s">
        <v>15</v>
      </c>
      <c r="J7" s="39" t="s">
        <v>16</v>
      </c>
      <c r="K7" s="41" t="s">
        <v>17</v>
      </c>
      <c r="L7" s="40" t="s">
        <v>18</v>
      </c>
      <c r="M7" s="41" t="s">
        <v>19</v>
      </c>
      <c r="N7" s="42" t="s">
        <v>20</v>
      </c>
      <c r="O7" s="43" t="s">
        <v>21</v>
      </c>
      <c r="P7" s="44" t="s">
        <v>22</v>
      </c>
    </row>
    <row r="8" spans="1:16" s="2" customFormat="1" ht="52.5" customHeight="1" thickBot="1" x14ac:dyDescent="0.3">
      <c r="A8" s="68" t="s">
        <v>2</v>
      </c>
      <c r="B8" s="176" t="s">
        <v>32</v>
      </c>
      <c r="C8" s="177"/>
      <c r="D8" s="15" t="s">
        <v>0</v>
      </c>
      <c r="E8" s="53">
        <v>9</v>
      </c>
      <c r="F8" s="16"/>
      <c r="G8" s="45"/>
      <c r="H8" s="46"/>
      <c r="I8" s="46"/>
      <c r="J8" s="47"/>
      <c r="K8" s="49"/>
      <c r="L8" s="48"/>
      <c r="M8" s="49">
        <f>K8*L8</f>
        <v>0</v>
      </c>
      <c r="N8" s="50">
        <f>K8+M8</f>
        <v>0</v>
      </c>
      <c r="O8" s="51">
        <f>E8*K8</f>
        <v>0</v>
      </c>
      <c r="P8" s="52">
        <f>E8*N8</f>
        <v>0</v>
      </c>
    </row>
    <row r="10" spans="1:16" ht="13.5" thickBot="1" x14ac:dyDescent="0.25">
      <c r="A10" s="21" t="s">
        <v>23</v>
      </c>
      <c r="B10" s="21"/>
      <c r="C10" s="22"/>
      <c r="D10" s="1"/>
      <c r="E10" s="23"/>
      <c r="F10" s="23"/>
      <c r="G10" s="24"/>
      <c r="H10" s="23"/>
    </row>
    <row r="11" spans="1:16" ht="30" customHeight="1" x14ac:dyDescent="0.2">
      <c r="A11" s="101">
        <v>1</v>
      </c>
      <c r="B11" s="160" t="s">
        <v>24</v>
      </c>
      <c r="C11" s="161"/>
      <c r="D11" s="161"/>
      <c r="E11" s="162"/>
      <c r="F11" s="102"/>
      <c r="G11" s="97"/>
      <c r="H11" s="103" t="s">
        <v>29</v>
      </c>
    </row>
    <row r="12" spans="1:16" ht="30" customHeight="1" x14ac:dyDescent="0.2">
      <c r="A12" s="29">
        <v>2</v>
      </c>
      <c r="B12" s="163" t="s">
        <v>25</v>
      </c>
      <c r="C12" s="164"/>
      <c r="D12" s="164"/>
      <c r="E12" s="165"/>
      <c r="F12" s="56"/>
      <c r="G12" s="30"/>
      <c r="H12" s="31" t="s">
        <v>26</v>
      </c>
    </row>
    <row r="13" spans="1:16" ht="30" customHeight="1" x14ac:dyDescent="0.2">
      <c r="A13" s="54">
        <v>3</v>
      </c>
      <c r="B13" s="149" t="s">
        <v>27</v>
      </c>
      <c r="C13" s="150"/>
      <c r="D13" s="150"/>
      <c r="E13" s="151"/>
      <c r="F13" s="56"/>
      <c r="G13" s="59"/>
      <c r="H13" s="60" t="s">
        <v>28</v>
      </c>
    </row>
    <row r="14" spans="1:16" ht="68.45" customHeight="1" thickBot="1" x14ac:dyDescent="0.25">
      <c r="A14" s="55">
        <v>4</v>
      </c>
      <c r="B14" s="152" t="s">
        <v>30</v>
      </c>
      <c r="C14" s="153"/>
      <c r="D14" s="153"/>
      <c r="E14" s="154"/>
      <c r="F14" s="56"/>
      <c r="G14" s="58"/>
      <c r="H14" s="57" t="s">
        <v>31</v>
      </c>
    </row>
    <row r="15" spans="1:16" ht="19.5" customHeight="1" x14ac:dyDescent="0.2">
      <c r="E15" s="1"/>
      <c r="F15" s="1"/>
      <c r="G15" s="1"/>
    </row>
    <row r="16" spans="1:16" s="2" customFormat="1" ht="16.5" customHeight="1" thickBot="1" x14ac:dyDescent="0.3">
      <c r="A16" s="104" t="s">
        <v>45</v>
      </c>
      <c r="B16" s="6"/>
      <c r="D16" s="61"/>
      <c r="E16" s="61"/>
      <c r="F16" s="5"/>
      <c r="G16" s="61"/>
      <c r="H16" s="61"/>
      <c r="I16" s="61"/>
      <c r="J16" s="61"/>
      <c r="K16" s="8"/>
      <c r="L16" s="9"/>
      <c r="M16" s="10"/>
      <c r="N16" s="11"/>
      <c r="O16" s="8"/>
      <c r="P16" s="11"/>
    </row>
    <row r="17" spans="1:16" s="7" customFormat="1" ht="48.75" thickBot="1" x14ac:dyDescent="0.3">
      <c r="A17" s="34" t="s">
        <v>10</v>
      </c>
      <c r="B17" s="156" t="s">
        <v>1</v>
      </c>
      <c r="C17" s="157"/>
      <c r="D17" s="35" t="s">
        <v>11</v>
      </c>
      <c r="E17" s="36" t="s">
        <v>12</v>
      </c>
      <c r="F17" s="14"/>
      <c r="G17" s="37" t="s">
        <v>13</v>
      </c>
      <c r="H17" s="38" t="s">
        <v>14</v>
      </c>
      <c r="I17" s="38" t="s">
        <v>15</v>
      </c>
      <c r="J17" s="39" t="s">
        <v>16</v>
      </c>
      <c r="K17" s="41" t="s">
        <v>17</v>
      </c>
      <c r="L17" s="40" t="s">
        <v>18</v>
      </c>
      <c r="M17" s="41" t="s">
        <v>19</v>
      </c>
      <c r="N17" s="42" t="s">
        <v>20</v>
      </c>
      <c r="O17" s="43" t="s">
        <v>21</v>
      </c>
      <c r="P17" s="44" t="s">
        <v>22</v>
      </c>
    </row>
    <row r="18" spans="1:16" s="2" customFormat="1" ht="68.25" customHeight="1" thickBot="1" x14ac:dyDescent="0.3">
      <c r="A18" s="68" t="s">
        <v>35</v>
      </c>
      <c r="B18" s="176" t="s">
        <v>42</v>
      </c>
      <c r="C18" s="177"/>
      <c r="D18" s="15" t="s">
        <v>0</v>
      </c>
      <c r="E18" s="53">
        <v>9</v>
      </c>
      <c r="F18" s="16"/>
      <c r="G18" s="45"/>
      <c r="H18" s="46"/>
      <c r="I18" s="46"/>
      <c r="J18" s="47"/>
      <c r="K18" s="49"/>
      <c r="L18" s="48"/>
      <c r="M18" s="49">
        <f>K18*L18</f>
        <v>0</v>
      </c>
      <c r="N18" s="50">
        <f>K18+M18</f>
        <v>0</v>
      </c>
      <c r="O18" s="51">
        <f>E18*K18</f>
        <v>0</v>
      </c>
      <c r="P18" s="52">
        <f>E18*N18</f>
        <v>0</v>
      </c>
    </row>
    <row r="20" spans="1:16" ht="13.5" thickBot="1" x14ac:dyDescent="0.25">
      <c r="A20" s="21" t="s">
        <v>23</v>
      </c>
      <c r="B20" s="21"/>
      <c r="C20" s="22"/>
      <c r="D20" s="1"/>
      <c r="E20" s="23"/>
      <c r="F20" s="23"/>
      <c r="G20" s="24"/>
      <c r="H20" s="23"/>
    </row>
    <row r="21" spans="1:16" ht="30" customHeight="1" x14ac:dyDescent="0.2">
      <c r="A21" s="25">
        <v>1</v>
      </c>
      <c r="B21" s="178" t="s">
        <v>24</v>
      </c>
      <c r="C21" s="179"/>
      <c r="D21" s="179"/>
      <c r="E21" s="180"/>
      <c r="F21" s="56"/>
      <c r="G21" s="27"/>
      <c r="H21" s="28" t="s">
        <v>29</v>
      </c>
    </row>
    <row r="22" spans="1:16" ht="30" customHeight="1" x14ac:dyDescent="0.2">
      <c r="A22" s="29">
        <v>2</v>
      </c>
      <c r="B22" s="163" t="s">
        <v>25</v>
      </c>
      <c r="C22" s="164"/>
      <c r="D22" s="164"/>
      <c r="E22" s="165"/>
      <c r="F22" s="56"/>
      <c r="G22" s="30"/>
      <c r="H22" s="31" t="s">
        <v>26</v>
      </c>
    </row>
    <row r="23" spans="1:16" ht="30" customHeight="1" x14ac:dyDescent="0.2">
      <c r="A23" s="54">
        <v>3</v>
      </c>
      <c r="B23" s="149" t="s">
        <v>27</v>
      </c>
      <c r="C23" s="150"/>
      <c r="D23" s="150"/>
      <c r="E23" s="151"/>
      <c r="F23" s="56"/>
      <c r="G23" s="59"/>
      <c r="H23" s="60" t="s">
        <v>28</v>
      </c>
    </row>
    <row r="24" spans="1:16" ht="68.45" customHeight="1" thickBot="1" x14ac:dyDescent="0.25">
      <c r="A24" s="55">
        <v>4</v>
      </c>
      <c r="B24" s="152" t="s">
        <v>30</v>
      </c>
      <c r="C24" s="153"/>
      <c r="D24" s="153"/>
      <c r="E24" s="154"/>
      <c r="F24" s="56"/>
      <c r="G24" s="58"/>
      <c r="H24" s="57" t="s">
        <v>31</v>
      </c>
    </row>
    <row r="25" spans="1:16" ht="19.5" customHeight="1" x14ac:dyDescent="0.2">
      <c r="E25" s="1"/>
      <c r="F25" s="1"/>
      <c r="G25" s="1"/>
    </row>
    <row r="26" spans="1:16" ht="8.25" customHeight="1" thickBot="1" x14ac:dyDescent="0.25">
      <c r="E26" s="1"/>
      <c r="F26" s="1"/>
      <c r="G26" s="1"/>
    </row>
    <row r="27" spans="1:16" ht="48.75" customHeight="1" thickBot="1" x14ac:dyDescent="0.25">
      <c r="A27" s="96" t="s">
        <v>10</v>
      </c>
      <c r="B27" s="175" t="s">
        <v>1</v>
      </c>
      <c r="C27" s="157"/>
      <c r="D27" s="84" t="s">
        <v>11</v>
      </c>
      <c r="E27" s="85" t="s">
        <v>12</v>
      </c>
      <c r="F27" s="1"/>
      <c r="G27" s="90" t="s">
        <v>17</v>
      </c>
      <c r="H27" s="91" t="s">
        <v>20</v>
      </c>
      <c r="I27" s="92" t="s">
        <v>21</v>
      </c>
      <c r="J27" s="93" t="s">
        <v>22</v>
      </c>
    </row>
    <row r="28" spans="1:16" ht="51" customHeight="1" x14ac:dyDescent="0.2">
      <c r="A28" s="81" t="s">
        <v>2</v>
      </c>
      <c r="B28" s="171" t="s">
        <v>32</v>
      </c>
      <c r="C28" s="172"/>
      <c r="D28" s="82" t="s">
        <v>0</v>
      </c>
      <c r="E28" s="83">
        <v>9</v>
      </c>
      <c r="F28" s="1"/>
      <c r="G28" s="86">
        <f>K8</f>
        <v>0</v>
      </c>
      <c r="H28" s="87">
        <f>N8</f>
        <v>0</v>
      </c>
      <c r="I28" s="88">
        <f>O8</f>
        <v>0</v>
      </c>
      <c r="J28" s="89">
        <f>P8</f>
        <v>0</v>
      </c>
    </row>
    <row r="29" spans="1:16" ht="65.25" customHeight="1" thickBot="1" x14ac:dyDescent="0.25">
      <c r="A29" s="74" t="s">
        <v>35</v>
      </c>
      <c r="B29" s="173" t="s">
        <v>42</v>
      </c>
      <c r="C29" s="174"/>
      <c r="D29" s="69" t="s">
        <v>0</v>
      </c>
      <c r="E29" s="105">
        <v>9</v>
      </c>
      <c r="F29" s="1"/>
      <c r="G29" s="80">
        <f>K18</f>
        <v>0</v>
      </c>
      <c r="H29" s="78">
        <f>N18</f>
        <v>0</v>
      </c>
      <c r="I29" s="66">
        <f>O18</f>
        <v>0</v>
      </c>
      <c r="J29" s="67">
        <f>P18</f>
        <v>0</v>
      </c>
    </row>
    <row r="30" spans="1:16" s="20" customFormat="1" ht="24" customHeight="1" thickBot="1" x14ac:dyDescent="0.25">
      <c r="A30" s="72"/>
      <c r="B30" s="64"/>
      <c r="C30" s="64"/>
      <c r="D30" s="63"/>
      <c r="E30" s="63"/>
      <c r="F30" s="1"/>
      <c r="G30" s="1"/>
      <c r="H30" s="75" t="s">
        <v>37</v>
      </c>
      <c r="I30" s="76">
        <f>SUM(I28:I29)</f>
        <v>0</v>
      </c>
      <c r="J30" s="77">
        <f>SUM(J28:J29)</f>
        <v>0</v>
      </c>
      <c r="K30" s="11"/>
      <c r="L30" s="18"/>
      <c r="M30" s="19"/>
      <c r="O30" s="11"/>
    </row>
    <row r="31" spans="1:16" s="20" customFormat="1" ht="21" customHeight="1" x14ac:dyDescent="0.2">
      <c r="A31" s="1"/>
      <c r="B31" s="1"/>
      <c r="C31" s="1"/>
      <c r="D31" s="4"/>
      <c r="E31" s="1"/>
      <c r="F31" s="1"/>
      <c r="G31" s="1"/>
      <c r="H31" s="4"/>
      <c r="I31" s="4"/>
      <c r="J31" s="4"/>
      <c r="K31" s="11"/>
      <c r="L31" s="18"/>
      <c r="M31" s="19"/>
      <c r="O31" s="11"/>
    </row>
    <row r="32" spans="1:16" s="20" customFormat="1" ht="24.95" customHeight="1" x14ac:dyDescent="0.2">
      <c r="A32" s="1"/>
      <c r="B32" s="142" t="s">
        <v>43</v>
      </c>
      <c r="C32" s="143"/>
      <c r="D32" s="135"/>
      <c r="E32" s="136"/>
      <c r="F32" s="136"/>
      <c r="G32" s="137"/>
      <c r="H32" s="98"/>
      <c r="I32" s="98"/>
      <c r="J32" s="98" t="s">
        <v>4</v>
      </c>
      <c r="K32" s="11"/>
      <c r="L32" s="18"/>
      <c r="M32" s="19"/>
      <c r="O32" s="11"/>
    </row>
    <row r="33" spans="1:15" s="20" customFormat="1" ht="24.95" customHeight="1" x14ac:dyDescent="0.2">
      <c r="A33" s="1"/>
      <c r="B33" s="142" t="s">
        <v>44</v>
      </c>
      <c r="C33" s="143"/>
      <c r="D33" s="138"/>
      <c r="E33" s="139"/>
      <c r="F33" s="139"/>
      <c r="G33" s="140"/>
      <c r="H33" s="33"/>
      <c r="I33" s="134" t="s">
        <v>34</v>
      </c>
      <c r="J33" s="145"/>
      <c r="K33" s="146"/>
      <c r="L33" s="146"/>
      <c r="M33" s="19"/>
      <c r="O33" s="11"/>
    </row>
    <row r="34" spans="1:15" s="20" customFormat="1" ht="24.95" customHeight="1" x14ac:dyDescent="0.2">
      <c r="A34" s="1"/>
      <c r="B34" s="142" t="s">
        <v>41</v>
      </c>
      <c r="C34" s="143"/>
      <c r="D34" s="138"/>
      <c r="E34" s="139"/>
      <c r="F34" s="139"/>
      <c r="G34" s="140"/>
      <c r="H34" s="33"/>
      <c r="I34" s="144" t="s">
        <v>6</v>
      </c>
      <c r="J34" s="145"/>
      <c r="K34" s="135"/>
      <c r="L34" s="137"/>
      <c r="M34" s="19"/>
      <c r="O34" s="11"/>
    </row>
    <row r="35" spans="1:15" s="20" customFormat="1" ht="24.95" customHeight="1" x14ac:dyDescent="0.2">
      <c r="A35" s="1"/>
      <c r="B35" s="1"/>
      <c r="C35" s="98"/>
      <c r="D35" s="1"/>
      <c r="E35" s="1"/>
      <c r="F35" s="17"/>
      <c r="G35" s="33"/>
      <c r="H35" s="33"/>
      <c r="I35" s="134" t="s">
        <v>7</v>
      </c>
      <c r="J35" s="144"/>
      <c r="K35" s="147"/>
      <c r="L35" s="148"/>
      <c r="M35" s="100"/>
      <c r="O35" s="11"/>
    </row>
    <row r="36" spans="1:15" s="20" customFormat="1" ht="24.95" customHeight="1" x14ac:dyDescent="0.2">
      <c r="A36" s="1"/>
      <c r="B36" s="1"/>
      <c r="C36" s="98" t="s">
        <v>3</v>
      </c>
      <c r="D36" s="141"/>
      <c r="E36" s="141"/>
      <c r="F36" s="17"/>
      <c r="G36" s="33"/>
      <c r="H36" s="33"/>
      <c r="I36" s="134"/>
      <c r="J36" s="134"/>
      <c r="K36" s="99"/>
      <c r="L36" s="18"/>
      <c r="M36" s="19"/>
      <c r="O36" s="11"/>
    </row>
    <row r="37" spans="1:15" s="20" customFormat="1" ht="24.95" customHeight="1" x14ac:dyDescent="0.2">
      <c r="A37" s="1"/>
      <c r="B37" s="1"/>
      <c r="C37" s="98" t="s">
        <v>5</v>
      </c>
      <c r="D37" s="141"/>
      <c r="E37" s="141"/>
      <c r="F37" s="17"/>
      <c r="G37" s="33"/>
      <c r="H37" s="33"/>
      <c r="I37" s="134"/>
      <c r="J37" s="134"/>
      <c r="K37" s="11"/>
      <c r="L37" s="18"/>
      <c r="M37" s="19"/>
      <c r="O37" s="11"/>
    </row>
    <row r="38" spans="1:15" s="20" customFormat="1" ht="1.5" customHeight="1" x14ac:dyDescent="0.2">
      <c r="A38" s="1"/>
      <c r="B38" s="1"/>
      <c r="C38" s="98"/>
      <c r="D38" s="4"/>
      <c r="E38" s="4"/>
      <c r="F38" s="17"/>
      <c r="G38" s="4"/>
      <c r="H38" s="4"/>
      <c r="I38" s="4"/>
      <c r="J38" s="4"/>
      <c r="K38" s="11"/>
      <c r="L38" s="18"/>
      <c r="M38" s="19"/>
      <c r="O38" s="11"/>
    </row>
    <row r="39" spans="1:15" s="20" customFormat="1" ht="9.75" customHeight="1" x14ac:dyDescent="0.2">
      <c r="A39" s="133" t="s">
        <v>38</v>
      </c>
      <c r="B39" s="133"/>
      <c r="C39" s="1"/>
      <c r="D39" s="4"/>
      <c r="E39" s="4"/>
      <c r="F39" s="17"/>
      <c r="G39" s="4"/>
      <c r="H39" s="4"/>
      <c r="I39" s="4"/>
      <c r="J39" s="4"/>
      <c r="K39" s="11"/>
      <c r="L39" s="18"/>
      <c r="M39" s="19"/>
      <c r="O39" s="11"/>
    </row>
    <row r="40" spans="1:15" s="20" customFormat="1" ht="14.25" x14ac:dyDescent="0.2">
      <c r="A40" s="94"/>
      <c r="B40" s="95" t="s">
        <v>39</v>
      </c>
      <c r="C40" s="1"/>
      <c r="D40" s="4"/>
      <c r="E40" s="4"/>
      <c r="F40" s="17"/>
      <c r="G40" s="4"/>
      <c r="H40" s="4"/>
      <c r="I40" s="4"/>
      <c r="J40" s="4"/>
      <c r="K40" s="11"/>
      <c r="L40" s="18"/>
      <c r="M40" s="19"/>
      <c r="O40" s="11"/>
    </row>
  </sheetData>
  <mergeCells count="34">
    <mergeCell ref="B23:E23"/>
    <mergeCell ref="A1:P1"/>
    <mergeCell ref="B7:C7"/>
    <mergeCell ref="B8:C8"/>
    <mergeCell ref="B11:E11"/>
    <mergeCell ref="B12:E12"/>
    <mergeCell ref="B13:E13"/>
    <mergeCell ref="B14:E14"/>
    <mergeCell ref="B17:C17"/>
    <mergeCell ref="B18:C18"/>
    <mergeCell ref="B21:E21"/>
    <mergeCell ref="B22:E22"/>
    <mergeCell ref="D32:G32"/>
    <mergeCell ref="B24:E24"/>
    <mergeCell ref="B27:C27"/>
    <mergeCell ref="B28:C28"/>
    <mergeCell ref="B29:C29"/>
    <mergeCell ref="B32:C32"/>
    <mergeCell ref="A39:B39"/>
    <mergeCell ref="A5:I5"/>
    <mergeCell ref="I35:J35"/>
    <mergeCell ref="K35:L35"/>
    <mergeCell ref="D36:E36"/>
    <mergeCell ref="I36:J36"/>
    <mergeCell ref="D37:E37"/>
    <mergeCell ref="I37:J37"/>
    <mergeCell ref="B33:C33"/>
    <mergeCell ref="D33:G33"/>
    <mergeCell ref="I33:J33"/>
    <mergeCell ref="K33:L33"/>
    <mergeCell ref="B34:C34"/>
    <mergeCell ref="D34:G34"/>
    <mergeCell ref="I34:J34"/>
    <mergeCell ref="K34:L34"/>
  </mergeCells>
  <conditionalFormatting sqref="G12:G14">
    <cfRule type="containsBlanks" dxfId="14" priority="25">
      <formula>LEN(TRIM(G12))=0</formula>
    </cfRule>
  </conditionalFormatting>
  <conditionalFormatting sqref="G11">
    <cfRule type="containsBlanks" dxfId="13" priority="24">
      <formula>LEN(TRIM(G11))=0</formula>
    </cfRule>
  </conditionalFormatting>
  <conditionalFormatting sqref="G8:J8 L8">
    <cfRule type="containsBlanks" dxfId="12" priority="23">
      <formula>LEN(TRIM(G8))=0</formula>
    </cfRule>
  </conditionalFormatting>
  <conditionalFormatting sqref="K8">
    <cfRule type="containsBlanks" dxfId="11" priority="21">
      <formula>LEN(TRIM(K8))=0</formula>
    </cfRule>
  </conditionalFormatting>
  <conditionalFormatting sqref="M8:P8">
    <cfRule type="containsBlanks" dxfId="10" priority="22">
      <formula>LEN(TRIM(M8))=0</formula>
    </cfRule>
  </conditionalFormatting>
  <conditionalFormatting sqref="G22:G24">
    <cfRule type="containsBlanks" dxfId="9" priority="20">
      <formula>LEN(TRIM(G22))=0</formula>
    </cfRule>
  </conditionalFormatting>
  <conditionalFormatting sqref="G21">
    <cfRule type="containsBlanks" dxfId="8" priority="19">
      <formula>LEN(TRIM(G21))=0</formula>
    </cfRule>
  </conditionalFormatting>
  <conditionalFormatting sqref="G18:J18 L18">
    <cfRule type="containsBlanks" dxfId="7" priority="18">
      <formula>LEN(TRIM(G18))=0</formula>
    </cfRule>
  </conditionalFormatting>
  <conditionalFormatting sqref="K18">
    <cfRule type="containsBlanks" dxfId="6" priority="16">
      <formula>LEN(TRIM(K18))=0</formula>
    </cfRule>
  </conditionalFormatting>
  <conditionalFormatting sqref="M18:P18">
    <cfRule type="containsBlanks" dxfId="5" priority="17">
      <formula>LEN(TRIM(M18))=0</formula>
    </cfRule>
  </conditionalFormatting>
  <conditionalFormatting sqref="D36:D37">
    <cfRule type="containsBlanks" dxfId="4" priority="5">
      <formula>LEN(TRIM(D36))=0</formula>
    </cfRule>
  </conditionalFormatting>
  <conditionalFormatting sqref="K33:L33 K34">
    <cfRule type="containsBlanks" dxfId="3" priority="4">
      <formula>LEN(TRIM(K33))=0</formula>
    </cfRule>
  </conditionalFormatting>
  <conditionalFormatting sqref="D33">
    <cfRule type="containsBlanks" dxfId="2" priority="2">
      <formula>LEN(TRIM(D33))=0</formula>
    </cfRule>
  </conditionalFormatting>
  <conditionalFormatting sqref="D32">
    <cfRule type="containsBlanks" dxfId="1" priority="3">
      <formula>LEN(TRIM(D32))=0</formula>
    </cfRule>
  </conditionalFormatting>
  <conditionalFormatting sqref="D34">
    <cfRule type="containsBlanks" dxfId="0" priority="1">
      <formula>LEN(TRIM(D34))=0</formula>
    </cfRule>
  </conditionalFormatting>
  <pageMargins left="0.70866141732283472" right="0.70866141732283472" top="0.98124999999999996" bottom="0.74803149606299213" header="0.31496062992125984" footer="0.31496062992125984"/>
  <pageSetup paperSize="9" scale="61" fitToHeight="0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Časť č. 1 - Príloha č. 1</vt:lpstr>
      <vt:lpstr>Časť č. 2 - Príloha č. 1</vt:lpstr>
      <vt:lpstr>'Časť č. 1 - Príloha č. 1'!Oblasť_tlače</vt:lpstr>
      <vt:lpstr>'Časť č. 2 - Príloha č.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05-10T11:13:18Z</cp:lastPrinted>
  <dcterms:created xsi:type="dcterms:W3CDTF">2017-04-21T05:51:15Z</dcterms:created>
  <dcterms:modified xsi:type="dcterms:W3CDTF">2024-05-10T12:01:20Z</dcterms:modified>
</cp:coreProperties>
</file>